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alkenswaar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0F8AE2A8-9DBC-2112-A329-5738B7C9A8F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1655" y="4700443"/>
            <a:ext cx="1903173" cy="187272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B5D74D9A-6180-5045-4DA2-6B7A9643B01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00966" y="4065560"/>
            <a:ext cx="1274066" cy="125368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7-08T08:48:23Z</dcterms:modified>
</cp:coreProperties>
</file>